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V-SKFLSV-01.saku-vdi.local\netprofile$\redirect\i2398\Desktop\R３加算\"/>
    </mc:Choice>
  </mc:AlternateContent>
  <bookViews>
    <workbookView xWindow="0" yWindow="0" windowWidth="24000" windowHeight="9750" tabRatio="875"/>
  </bookViews>
  <sheets>
    <sheet name="添付書類一覧" sheetId="15" r:id="rId1"/>
  </sheets>
  <definedNames>
    <definedName name="_xlnm.Print_Area" localSheetId="0">添付書類一覧!$A$1:$C$17</definedName>
  </definedNames>
  <calcPr calcId="152511"/>
</workbook>
</file>

<file path=xl/sharedStrings.xml><?xml version="1.0" encoding="utf-8"?>
<sst xmlns="http://schemas.openxmlformats.org/spreadsheetml/2006/main" count="30" uniqueCount="26">
  <si>
    <t>サービス</t>
  </si>
  <si>
    <t>届出項目</t>
    <rPh sb="0" eb="2">
      <t>トドケデ</t>
    </rPh>
    <rPh sb="2" eb="4">
      <t>コウモク</t>
    </rPh>
    <phoneticPr fontId="3"/>
  </si>
  <si>
    <t>添付書類</t>
    <rPh sb="0" eb="2">
      <t>テンプ</t>
    </rPh>
    <rPh sb="2" eb="4">
      <t>ショルイ</t>
    </rPh>
    <phoneticPr fontId="3"/>
  </si>
  <si>
    <t>なし</t>
    <phoneticPr fontId="3"/>
  </si>
  <si>
    <t>職員の欠員による減算</t>
  </si>
  <si>
    <t>若年性認知症利用者受入加算</t>
  </si>
  <si>
    <t>生活機能向上グループ活動加算</t>
  </si>
  <si>
    <t>運動器機能向上加算</t>
  </si>
  <si>
    <t>口腔機能向上加算</t>
  </si>
  <si>
    <t>選択的サービス複数実施加算</t>
  </si>
  <si>
    <t>事業所評価加算</t>
  </si>
  <si>
    <t>サービス提供体制強化加算（Ⅱ）</t>
    <phoneticPr fontId="3"/>
  </si>
  <si>
    <t>生活機能向上連携加算</t>
    <rPh sb="6" eb="8">
      <t>レンケイ</t>
    </rPh>
    <rPh sb="8" eb="10">
      <t>カサン</t>
    </rPh>
    <phoneticPr fontId="3"/>
  </si>
  <si>
    <t>訪問リハビリステーション事業所、通所リハビリステーション事業所、リハビリテーションを実施している医療提供施設と連携していることが分かる契約書等（協定を含む）の写し</t>
    <phoneticPr fontId="3"/>
  </si>
  <si>
    <t>総合事業　加算関係添付書類一覧</t>
    <rPh sb="0" eb="2">
      <t>ソウゴウ</t>
    </rPh>
    <rPh sb="2" eb="4">
      <t>ジギョウ</t>
    </rPh>
    <rPh sb="9" eb="11">
      <t>テンプ</t>
    </rPh>
    <rPh sb="11" eb="13">
      <t>ショルイ</t>
    </rPh>
    <phoneticPr fontId="3"/>
  </si>
  <si>
    <t>通所型サービス</t>
    <rPh sb="0" eb="2">
      <t>ツウショ</t>
    </rPh>
    <rPh sb="2" eb="3">
      <t>ガタ</t>
    </rPh>
    <phoneticPr fontId="3"/>
  </si>
  <si>
    <t>□機能訓練指導員の資格証の写し
□従業員の勤務体制及び勤務形態一覧表（参考様式１）</t>
    <rPh sb="17" eb="20">
      <t>ジュウギョウイン</t>
    </rPh>
    <phoneticPr fontId="3"/>
  </si>
  <si>
    <t>□管理栄養士の資格証
□従業者の勤務体制及び勤務形態一覧表（参考様式１）(算定を開始する月のもの)</t>
    <phoneticPr fontId="3"/>
  </si>
  <si>
    <t>□言語聴覚士、歯科衛生士、看護職員のいずれかの資格証
□従業者の勤務体制及び勤務形態一覧表（参考様式１）(算定を開始する月のもの)</t>
    <phoneticPr fontId="3"/>
  </si>
  <si>
    <t>　　介護予防・日常生活支援総合事業費算定に係る算定等に関する体制届に係る添付書類は次のとおりです。</t>
    <rPh sb="34" eb="35">
      <t>カカワ</t>
    </rPh>
    <rPh sb="36" eb="38">
      <t>テンプ</t>
    </rPh>
    <rPh sb="38" eb="40">
      <t>ショルイ</t>
    </rPh>
    <rPh sb="41" eb="42">
      <t>ツギ</t>
    </rPh>
    <phoneticPr fontId="1"/>
  </si>
  <si>
    <t>栄養アセスメント・栄養改善加算</t>
    <rPh sb="0" eb="2">
      <t>エイヨウ</t>
    </rPh>
    <phoneticPr fontId="1"/>
  </si>
  <si>
    <t>サービス提供体制強化加算（Ⅰ）</t>
    <phoneticPr fontId="3"/>
  </si>
  <si>
    <t>サービス提供体制強化加算（Ⅲ）</t>
    <phoneticPr fontId="3"/>
  </si>
  <si>
    <t>科学的介護推進体制加算</t>
    <rPh sb="0" eb="3">
      <t>カガクテキ</t>
    </rPh>
    <rPh sb="3" eb="5">
      <t>カイゴ</t>
    </rPh>
    <rPh sb="5" eb="7">
      <t>スイシン</t>
    </rPh>
    <rPh sb="7" eb="9">
      <t>タイセイ</t>
    </rPh>
    <rPh sb="9" eb="11">
      <t>カサン</t>
    </rPh>
    <phoneticPr fontId="1"/>
  </si>
  <si>
    <t>なし（前提としてLIFEへの登録が必要）</t>
    <rPh sb="3" eb="5">
      <t>ゼンテイ</t>
    </rPh>
    <rPh sb="14" eb="16">
      <t>トウロク</t>
    </rPh>
    <rPh sb="17" eb="19">
      <t>ヒツヨウ</t>
    </rPh>
    <phoneticPr fontId="3"/>
  </si>
  <si>
    <t>□サービス提供体制強化加算に関する届出書（別紙29）
□資格証の写し（介護福祉士）
□勤務形態一覧表
□勤続年数の状況が分かる書類（勤続年数の状況を要件とする場合）</t>
    <rPh sb="55" eb="57">
      <t>キンゾク</t>
    </rPh>
    <rPh sb="57" eb="59">
      <t>ネンスウ</t>
    </rPh>
    <rPh sb="60" eb="62">
      <t>ジョウキョウ</t>
    </rPh>
    <rPh sb="63" eb="64">
      <t>ワ</t>
    </rPh>
    <rPh sb="66" eb="68">
      <t>ショルイ</t>
    </rPh>
    <rPh sb="69" eb="71">
      <t>キンゾク</t>
    </rPh>
    <rPh sb="71" eb="73">
      <t>ネンスウ</t>
    </rPh>
    <rPh sb="74" eb="76">
      <t>ジョウキョウ</t>
    </rPh>
    <rPh sb="77" eb="79">
      <t>ヨウケン</t>
    </rPh>
    <rPh sb="82" eb="84">
      <t>バアイ</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27" x14ac:knownFonts="1">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6"/>
      <name val="ＭＳ Ｐゴシック"/>
      <family val="3"/>
      <charset val="128"/>
    </font>
    <font>
      <sz val="8"/>
      <name val="ＭＳ Ｐゴシック"/>
      <family val="3"/>
      <charset val="128"/>
    </font>
    <font>
      <sz val="11"/>
      <color theme="1"/>
      <name val="ＭＳ Ｐゴシック"/>
      <family val="2"/>
      <charset val="128"/>
      <scheme val="minor"/>
    </font>
    <font>
      <sz val="11"/>
      <color theme="1"/>
      <name val="ＭＳ Ｐゴシック"/>
      <family val="3"/>
      <charset val="128"/>
      <scheme val="minor"/>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12"/>
      <name val="ＭＳ Ｐゴシック"/>
      <family val="3"/>
      <charset val="128"/>
    </font>
    <font>
      <sz val="12"/>
      <color theme="1"/>
      <name val="ＭＳ ゴシック"/>
      <family val="3"/>
      <charset val="128"/>
    </font>
    <font>
      <b/>
      <sz val="18"/>
      <name val="ＭＳ Ｐゴシック"/>
      <family val="3"/>
      <charset val="128"/>
    </font>
  </fonts>
  <fills count="24">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s>
  <borders count="15">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style="thin">
        <color indexed="64"/>
      </top>
      <bottom style="thin">
        <color indexed="64"/>
      </bottom>
      <diagonal/>
    </border>
    <border>
      <left style="thin">
        <color auto="1"/>
      </left>
      <right style="thin">
        <color indexed="64"/>
      </right>
      <top/>
      <bottom/>
      <diagonal/>
    </border>
  </borders>
  <cellStyleXfs count="102">
    <xf numFmtId="0" fontId="0" fillId="0" borderId="0">
      <alignment vertical="center"/>
    </xf>
    <xf numFmtId="0" fontId="2" fillId="0" borderId="0"/>
    <xf numFmtId="0" fontId="4" fillId="0" borderId="0"/>
    <xf numFmtId="0" fontId="6" fillId="0" borderId="0">
      <alignment vertical="center"/>
    </xf>
    <xf numFmtId="0" fontId="6" fillId="0" borderId="0">
      <alignment vertical="center"/>
    </xf>
    <xf numFmtId="0" fontId="4" fillId="0" borderId="0"/>
    <xf numFmtId="0" fontId="7" fillId="2" borderId="0" applyNumberFormat="0" applyBorder="0" applyAlignment="0" applyProtection="0">
      <alignment vertical="center"/>
    </xf>
    <xf numFmtId="0" fontId="7" fillId="2" borderId="0" applyNumberFormat="0" applyBorder="0" applyAlignment="0" applyProtection="0">
      <alignment vertical="center"/>
    </xf>
    <xf numFmtId="0" fontId="7" fillId="3" borderId="0" applyNumberFormat="0" applyBorder="0" applyAlignment="0" applyProtection="0">
      <alignment vertical="center"/>
    </xf>
    <xf numFmtId="0" fontId="7" fillId="3" borderId="0" applyNumberFormat="0" applyBorder="0" applyAlignment="0" applyProtection="0">
      <alignment vertical="center"/>
    </xf>
    <xf numFmtId="0" fontId="7" fillId="4" borderId="0" applyNumberFormat="0" applyBorder="0" applyAlignment="0" applyProtection="0">
      <alignment vertical="center"/>
    </xf>
    <xf numFmtId="0" fontId="7" fillId="4" borderId="0" applyNumberFormat="0" applyBorder="0" applyAlignment="0" applyProtection="0">
      <alignment vertical="center"/>
    </xf>
    <xf numFmtId="0" fontId="7" fillId="5" borderId="0" applyNumberFormat="0" applyBorder="0" applyAlignment="0" applyProtection="0">
      <alignment vertical="center"/>
    </xf>
    <xf numFmtId="0" fontId="7" fillId="5" borderId="0" applyNumberFormat="0" applyBorder="0" applyAlignment="0" applyProtection="0">
      <alignment vertical="center"/>
    </xf>
    <xf numFmtId="0" fontId="7" fillId="6" borderId="0" applyNumberFormat="0" applyBorder="0" applyAlignment="0" applyProtection="0">
      <alignment vertical="center"/>
    </xf>
    <xf numFmtId="0" fontId="7" fillId="6" borderId="0" applyNumberFormat="0" applyBorder="0" applyAlignment="0" applyProtection="0">
      <alignment vertical="center"/>
    </xf>
    <xf numFmtId="0" fontId="7" fillId="7" borderId="0" applyNumberFormat="0" applyBorder="0" applyAlignment="0" applyProtection="0">
      <alignment vertical="center"/>
    </xf>
    <xf numFmtId="0" fontId="7" fillId="7" borderId="0" applyNumberFormat="0" applyBorder="0" applyAlignment="0" applyProtection="0">
      <alignment vertical="center"/>
    </xf>
    <xf numFmtId="0" fontId="7" fillId="8" borderId="0" applyNumberFormat="0" applyBorder="0" applyAlignment="0" applyProtection="0">
      <alignment vertical="center"/>
    </xf>
    <xf numFmtId="0" fontId="7" fillId="8" borderId="0" applyNumberFormat="0" applyBorder="0" applyAlignment="0" applyProtection="0">
      <alignment vertical="center"/>
    </xf>
    <xf numFmtId="0" fontId="7" fillId="9" borderId="0" applyNumberFormat="0" applyBorder="0" applyAlignment="0" applyProtection="0">
      <alignment vertical="center"/>
    </xf>
    <xf numFmtId="0" fontId="7" fillId="9" borderId="0" applyNumberFormat="0" applyBorder="0" applyAlignment="0" applyProtection="0">
      <alignment vertical="center"/>
    </xf>
    <xf numFmtId="0" fontId="7" fillId="10" borderId="0" applyNumberFormat="0" applyBorder="0" applyAlignment="0" applyProtection="0">
      <alignment vertical="center"/>
    </xf>
    <xf numFmtId="0" fontId="7" fillId="10" borderId="0" applyNumberFormat="0" applyBorder="0" applyAlignment="0" applyProtection="0">
      <alignment vertical="center"/>
    </xf>
    <xf numFmtId="0" fontId="7" fillId="5" borderId="0" applyNumberFormat="0" applyBorder="0" applyAlignment="0" applyProtection="0">
      <alignment vertical="center"/>
    </xf>
    <xf numFmtId="0" fontId="7" fillId="5" borderId="0" applyNumberFormat="0" applyBorder="0" applyAlignment="0" applyProtection="0">
      <alignment vertical="center"/>
    </xf>
    <xf numFmtId="0" fontId="7" fillId="8" borderId="0" applyNumberFormat="0" applyBorder="0" applyAlignment="0" applyProtection="0">
      <alignment vertical="center"/>
    </xf>
    <xf numFmtId="0" fontId="7" fillId="8" borderId="0" applyNumberFormat="0" applyBorder="0" applyAlignment="0" applyProtection="0">
      <alignment vertical="center"/>
    </xf>
    <xf numFmtId="0" fontId="7" fillId="11" borderId="0" applyNumberFormat="0" applyBorder="0" applyAlignment="0" applyProtection="0">
      <alignment vertical="center"/>
    </xf>
    <xf numFmtId="0" fontId="7" fillId="11" borderId="0" applyNumberFormat="0" applyBorder="0" applyAlignment="0" applyProtection="0">
      <alignment vertical="center"/>
    </xf>
    <xf numFmtId="0" fontId="8" fillId="12" borderId="0" applyNumberFormat="0" applyBorder="0" applyAlignment="0" applyProtection="0">
      <alignment vertical="center"/>
    </xf>
    <xf numFmtId="0" fontId="8" fillId="12" borderId="0" applyNumberFormat="0" applyBorder="0" applyAlignment="0" applyProtection="0">
      <alignment vertical="center"/>
    </xf>
    <xf numFmtId="0" fontId="8" fillId="9" borderId="0" applyNumberFormat="0" applyBorder="0" applyAlignment="0" applyProtection="0">
      <alignment vertical="center"/>
    </xf>
    <xf numFmtId="0" fontId="8" fillId="9" borderId="0" applyNumberFormat="0" applyBorder="0" applyAlignment="0" applyProtection="0">
      <alignment vertical="center"/>
    </xf>
    <xf numFmtId="0" fontId="8" fillId="10" borderId="0" applyNumberFormat="0" applyBorder="0" applyAlignment="0" applyProtection="0">
      <alignment vertical="center"/>
    </xf>
    <xf numFmtId="0" fontId="8" fillId="10" borderId="0" applyNumberFormat="0" applyBorder="0" applyAlignment="0" applyProtection="0">
      <alignment vertical="center"/>
    </xf>
    <xf numFmtId="0" fontId="8" fillId="13" borderId="0" applyNumberFormat="0" applyBorder="0" applyAlignment="0" applyProtection="0">
      <alignment vertical="center"/>
    </xf>
    <xf numFmtId="0" fontId="8" fillId="13" borderId="0" applyNumberFormat="0" applyBorder="0" applyAlignment="0" applyProtection="0">
      <alignment vertical="center"/>
    </xf>
    <xf numFmtId="0" fontId="8" fillId="14" borderId="0" applyNumberFormat="0" applyBorder="0" applyAlignment="0" applyProtection="0">
      <alignment vertical="center"/>
    </xf>
    <xf numFmtId="0" fontId="8" fillId="14" borderId="0" applyNumberFormat="0" applyBorder="0" applyAlignment="0" applyProtection="0">
      <alignment vertical="center"/>
    </xf>
    <xf numFmtId="0" fontId="8" fillId="15" borderId="0" applyNumberFormat="0" applyBorder="0" applyAlignment="0" applyProtection="0">
      <alignment vertical="center"/>
    </xf>
    <xf numFmtId="0" fontId="8" fillId="15" borderId="0" applyNumberFormat="0" applyBorder="0" applyAlignment="0" applyProtection="0">
      <alignment vertical="center"/>
    </xf>
    <xf numFmtId="0" fontId="8" fillId="16" borderId="0" applyNumberFormat="0" applyBorder="0" applyAlignment="0" applyProtection="0">
      <alignment vertical="center"/>
    </xf>
    <xf numFmtId="0" fontId="8" fillId="16" borderId="0" applyNumberFormat="0" applyBorder="0" applyAlignment="0" applyProtection="0">
      <alignment vertical="center"/>
    </xf>
    <xf numFmtId="0" fontId="8" fillId="17" borderId="0" applyNumberFormat="0" applyBorder="0" applyAlignment="0" applyProtection="0">
      <alignment vertical="center"/>
    </xf>
    <xf numFmtId="0" fontId="8" fillId="17" borderId="0" applyNumberFormat="0" applyBorder="0" applyAlignment="0" applyProtection="0">
      <alignment vertical="center"/>
    </xf>
    <xf numFmtId="0" fontId="8" fillId="18" borderId="0" applyNumberFormat="0" applyBorder="0" applyAlignment="0" applyProtection="0">
      <alignment vertical="center"/>
    </xf>
    <xf numFmtId="0" fontId="8" fillId="18" borderId="0" applyNumberFormat="0" applyBorder="0" applyAlignment="0" applyProtection="0">
      <alignment vertical="center"/>
    </xf>
    <xf numFmtId="0" fontId="8" fillId="13" borderId="0" applyNumberFormat="0" applyBorder="0" applyAlignment="0" applyProtection="0">
      <alignment vertical="center"/>
    </xf>
    <xf numFmtId="0" fontId="8" fillId="13" borderId="0" applyNumberFormat="0" applyBorder="0" applyAlignment="0" applyProtection="0">
      <alignment vertical="center"/>
    </xf>
    <xf numFmtId="0" fontId="8" fillId="14" borderId="0" applyNumberFormat="0" applyBorder="0" applyAlignment="0" applyProtection="0">
      <alignment vertical="center"/>
    </xf>
    <xf numFmtId="0" fontId="8" fillId="14" borderId="0" applyNumberFormat="0" applyBorder="0" applyAlignment="0" applyProtection="0">
      <alignment vertical="center"/>
    </xf>
    <xf numFmtId="0" fontId="8" fillId="19" borderId="0" applyNumberFormat="0" applyBorder="0" applyAlignment="0" applyProtection="0">
      <alignment vertical="center"/>
    </xf>
    <xf numFmtId="0" fontId="8" fillId="19" borderId="0" applyNumberFormat="0" applyBorder="0" applyAlignment="0" applyProtection="0">
      <alignment vertical="center"/>
    </xf>
    <xf numFmtId="0" fontId="9" fillId="0" borderId="0" applyNumberFormat="0" applyFill="0" applyBorder="0" applyAlignment="0" applyProtection="0">
      <alignment vertical="center"/>
    </xf>
    <xf numFmtId="0" fontId="9" fillId="0" borderId="0" applyNumberFormat="0" applyFill="0" applyBorder="0" applyAlignment="0" applyProtection="0">
      <alignment vertical="center"/>
    </xf>
    <xf numFmtId="0" fontId="10" fillId="20" borderId="4" applyNumberFormat="0" applyAlignment="0" applyProtection="0">
      <alignment vertical="center"/>
    </xf>
    <xf numFmtId="0" fontId="10" fillId="20" borderId="4" applyNumberFormat="0" applyAlignment="0" applyProtection="0">
      <alignment vertical="center"/>
    </xf>
    <xf numFmtId="0" fontId="11" fillId="21" borderId="0" applyNumberFormat="0" applyBorder="0" applyAlignment="0" applyProtection="0">
      <alignment vertical="center"/>
    </xf>
    <xf numFmtId="0" fontId="11" fillId="21" borderId="0" applyNumberFormat="0" applyBorder="0" applyAlignment="0" applyProtection="0">
      <alignment vertical="center"/>
    </xf>
    <xf numFmtId="0" fontId="2" fillId="22" borderId="5" applyNumberFormat="0" applyFont="0" applyAlignment="0" applyProtection="0">
      <alignment vertical="center"/>
    </xf>
    <xf numFmtId="0" fontId="2" fillId="22" borderId="5" applyNumberFormat="0" applyFont="0" applyAlignment="0" applyProtection="0">
      <alignment vertical="center"/>
    </xf>
    <xf numFmtId="0" fontId="12" fillId="0" borderId="6" applyNumberFormat="0" applyFill="0" applyAlignment="0" applyProtection="0">
      <alignment vertical="center"/>
    </xf>
    <xf numFmtId="0" fontId="12" fillId="0" borderId="6" applyNumberFormat="0" applyFill="0" applyAlignment="0" applyProtection="0">
      <alignment vertical="center"/>
    </xf>
    <xf numFmtId="0" fontId="13" fillId="3" borderId="0" applyNumberFormat="0" applyBorder="0" applyAlignment="0" applyProtection="0">
      <alignment vertical="center"/>
    </xf>
    <xf numFmtId="0" fontId="13" fillId="3" borderId="0" applyNumberFormat="0" applyBorder="0" applyAlignment="0" applyProtection="0">
      <alignment vertical="center"/>
    </xf>
    <xf numFmtId="0" fontId="14" fillId="23" borderId="7" applyNumberFormat="0" applyAlignment="0" applyProtection="0">
      <alignment vertical="center"/>
    </xf>
    <xf numFmtId="0" fontId="14" fillId="23" borderId="7" applyNumberFormat="0" applyAlignment="0" applyProtection="0">
      <alignment vertical="center"/>
    </xf>
    <xf numFmtId="0" fontId="15" fillId="0" borderId="0" applyNumberFormat="0" applyFill="0" applyBorder="0" applyAlignment="0" applyProtection="0">
      <alignment vertical="center"/>
    </xf>
    <xf numFmtId="0" fontId="15" fillId="0" borderId="0" applyNumberFormat="0" applyFill="0" applyBorder="0" applyAlignment="0" applyProtection="0">
      <alignment vertical="center"/>
    </xf>
    <xf numFmtId="0" fontId="16" fillId="0" borderId="8" applyNumberFormat="0" applyFill="0" applyAlignment="0" applyProtection="0">
      <alignment vertical="center"/>
    </xf>
    <xf numFmtId="0" fontId="16" fillId="0" borderId="8" applyNumberFormat="0" applyFill="0" applyAlignment="0" applyProtection="0">
      <alignment vertical="center"/>
    </xf>
    <xf numFmtId="0" fontId="17" fillId="0" borderId="9" applyNumberFormat="0" applyFill="0" applyAlignment="0" applyProtection="0">
      <alignment vertical="center"/>
    </xf>
    <xf numFmtId="0" fontId="17" fillId="0" borderId="9" applyNumberFormat="0" applyFill="0" applyAlignment="0" applyProtection="0">
      <alignment vertical="center"/>
    </xf>
    <xf numFmtId="0" fontId="18" fillId="0" borderId="10" applyNumberFormat="0" applyFill="0" applyAlignment="0" applyProtection="0">
      <alignment vertical="center"/>
    </xf>
    <xf numFmtId="0" fontId="18" fillId="0" borderId="10" applyNumberFormat="0" applyFill="0" applyAlignment="0" applyProtection="0">
      <alignment vertical="center"/>
    </xf>
    <xf numFmtId="0" fontId="18" fillId="0" borderId="0" applyNumberFormat="0" applyFill="0" applyBorder="0" applyAlignment="0" applyProtection="0">
      <alignment vertical="center"/>
    </xf>
    <xf numFmtId="0" fontId="18" fillId="0" borderId="0" applyNumberFormat="0" applyFill="0" applyBorder="0" applyAlignment="0" applyProtection="0">
      <alignment vertical="center"/>
    </xf>
    <xf numFmtId="0" fontId="19" fillId="0" borderId="11" applyNumberFormat="0" applyFill="0" applyAlignment="0" applyProtection="0">
      <alignment vertical="center"/>
    </xf>
    <xf numFmtId="0" fontId="19" fillId="0" borderId="11" applyNumberFormat="0" applyFill="0" applyAlignment="0" applyProtection="0">
      <alignment vertical="center"/>
    </xf>
    <xf numFmtId="0" fontId="20" fillId="23" borderId="12" applyNumberFormat="0" applyAlignment="0" applyProtection="0">
      <alignment vertical="center"/>
    </xf>
    <xf numFmtId="0" fontId="20" fillId="23" borderId="12" applyNumberFormat="0" applyAlignment="0" applyProtection="0">
      <alignment vertical="center"/>
    </xf>
    <xf numFmtId="0" fontId="21" fillId="0" borderId="0" applyNumberFormat="0" applyFill="0" applyBorder="0" applyAlignment="0" applyProtection="0">
      <alignment vertical="center"/>
    </xf>
    <xf numFmtId="0" fontId="21" fillId="0" borderId="0" applyNumberFormat="0" applyFill="0" applyBorder="0" applyAlignment="0" applyProtection="0">
      <alignment vertical="center"/>
    </xf>
    <xf numFmtId="0" fontId="22" fillId="7" borderId="7" applyNumberFormat="0" applyAlignment="0" applyProtection="0">
      <alignment vertical="center"/>
    </xf>
    <xf numFmtId="0" fontId="22" fillId="7" borderId="7" applyNumberFormat="0" applyAlignment="0" applyProtection="0">
      <alignment vertical="center"/>
    </xf>
    <xf numFmtId="0" fontId="6" fillId="0" borderId="0">
      <alignment vertical="center"/>
    </xf>
    <xf numFmtId="0" fontId="6" fillId="0" borderId="0">
      <alignment vertical="center"/>
    </xf>
    <xf numFmtId="0" fontId="2" fillId="0" borderId="0"/>
    <xf numFmtId="0" fontId="6" fillId="0" borderId="0">
      <alignment vertical="center"/>
    </xf>
    <xf numFmtId="0" fontId="6" fillId="0" borderId="0">
      <alignment vertical="center"/>
    </xf>
    <xf numFmtId="0" fontId="6" fillId="0" borderId="0">
      <alignment vertical="center"/>
    </xf>
    <xf numFmtId="0" fontId="6" fillId="0" borderId="0">
      <alignment vertical="center"/>
    </xf>
    <xf numFmtId="0" fontId="6" fillId="0" borderId="0">
      <alignment vertical="center"/>
    </xf>
    <xf numFmtId="0" fontId="6" fillId="0" borderId="0">
      <alignment vertical="center"/>
    </xf>
    <xf numFmtId="0" fontId="6" fillId="0" borderId="0">
      <alignment vertical="center"/>
    </xf>
    <xf numFmtId="0" fontId="6" fillId="0" borderId="0">
      <alignment vertical="center"/>
    </xf>
    <xf numFmtId="0" fontId="23" fillId="4" borderId="0" applyNumberFormat="0" applyBorder="0" applyAlignment="0" applyProtection="0">
      <alignment vertical="center"/>
    </xf>
    <xf numFmtId="0" fontId="23" fillId="4" borderId="0" applyNumberFormat="0" applyBorder="0" applyAlignment="0" applyProtection="0">
      <alignment vertical="center"/>
    </xf>
    <xf numFmtId="38" fontId="2" fillId="0" borderId="0" applyFont="0" applyFill="0" applyBorder="0" applyAlignment="0" applyProtection="0"/>
    <xf numFmtId="0" fontId="2" fillId="0" borderId="0"/>
    <xf numFmtId="0" fontId="5" fillId="0" borderId="0">
      <alignment vertical="center"/>
    </xf>
  </cellStyleXfs>
  <cellXfs count="17">
    <xf numFmtId="0" fontId="0" fillId="0" borderId="0" xfId="0">
      <alignment vertical="center"/>
    </xf>
    <xf numFmtId="0" fontId="2" fillId="0" borderId="0" xfId="3" applyFont="1">
      <alignment vertical="center"/>
    </xf>
    <xf numFmtId="0" fontId="2" fillId="0" borderId="0" xfId="3" applyFont="1" applyAlignment="1">
      <alignment horizontal="left" vertical="center"/>
    </xf>
    <xf numFmtId="0" fontId="2" fillId="0" borderId="0" xfId="4" applyFont="1">
      <alignment vertical="center"/>
    </xf>
    <xf numFmtId="0" fontId="24" fillId="0" borderId="0" xfId="3" applyFont="1">
      <alignment vertical="center"/>
    </xf>
    <xf numFmtId="0" fontId="24" fillId="0" borderId="0" xfId="3" applyFont="1" applyAlignment="1">
      <alignment horizontal="left" vertical="center"/>
    </xf>
    <xf numFmtId="0" fontId="24" fillId="0" borderId="1" xfId="4" applyFont="1" applyBorder="1" applyAlignment="1">
      <alignment horizontal="center" vertical="center"/>
    </xf>
    <xf numFmtId="0" fontId="24" fillId="0" borderId="1" xfId="4" applyFont="1" applyBorder="1" applyAlignment="1">
      <alignment horizontal="left" vertical="center"/>
    </xf>
    <xf numFmtId="0" fontId="24" fillId="0" borderId="1" xfId="4" applyFont="1" applyBorder="1" applyAlignment="1">
      <alignment horizontal="left" vertical="center" wrapText="1"/>
    </xf>
    <xf numFmtId="0" fontId="25" fillId="0" borderId="1" xfId="3" applyFont="1" applyBorder="1" applyAlignment="1">
      <alignment horizontal="left" vertical="center" wrapText="1"/>
    </xf>
    <xf numFmtId="0" fontId="26" fillId="0" borderId="0" xfId="3" applyFont="1" applyAlignment="1">
      <alignment horizontal="center" vertical="center"/>
    </xf>
    <xf numFmtId="0" fontId="24" fillId="0" borderId="1" xfId="4" applyFont="1" applyFill="1" applyBorder="1" applyAlignment="1">
      <alignment horizontal="center" vertical="center" wrapText="1"/>
    </xf>
    <xf numFmtId="0" fontId="24" fillId="0" borderId="2" xfId="4" applyFont="1" applyBorder="1" applyAlignment="1">
      <alignment horizontal="left" vertical="center" wrapText="1"/>
    </xf>
    <xf numFmtId="0" fontId="2" fillId="0" borderId="13" xfId="3" applyFont="1" applyBorder="1">
      <alignment vertical="center"/>
    </xf>
    <xf numFmtId="0" fontId="2" fillId="0" borderId="13" xfId="3" applyFont="1" applyBorder="1" applyAlignment="1">
      <alignment horizontal="left" vertical="center"/>
    </xf>
    <xf numFmtId="0" fontId="24" fillId="0" borderId="14" xfId="4" applyFont="1" applyBorder="1" applyAlignment="1">
      <alignment horizontal="left" vertical="center" wrapText="1"/>
    </xf>
    <xf numFmtId="0" fontId="24" fillId="0" borderId="3" xfId="4" applyFont="1" applyBorder="1" applyAlignment="1">
      <alignment horizontal="left" vertical="center" wrapText="1"/>
    </xf>
  </cellXfs>
  <cellStyles count="102">
    <cellStyle name="20% - アクセント 1 2" xfId="6"/>
    <cellStyle name="20% - アクセント 1 2 2" xfId="7"/>
    <cellStyle name="20% - アクセント 2 2" xfId="8"/>
    <cellStyle name="20% - アクセント 2 2 2" xfId="9"/>
    <cellStyle name="20% - アクセント 3 2" xfId="10"/>
    <cellStyle name="20% - アクセント 3 2 2" xfId="11"/>
    <cellStyle name="20% - アクセント 4 2" xfId="12"/>
    <cellStyle name="20% - アクセント 4 2 2" xfId="13"/>
    <cellStyle name="20% - アクセント 5 2" xfId="14"/>
    <cellStyle name="20% - アクセント 5 2 2" xfId="15"/>
    <cellStyle name="20% - アクセント 6 2" xfId="16"/>
    <cellStyle name="20% - アクセント 6 2 2" xfId="17"/>
    <cellStyle name="40% - アクセント 1 2" xfId="18"/>
    <cellStyle name="40% - アクセント 1 2 2" xfId="19"/>
    <cellStyle name="40% - アクセント 2 2" xfId="20"/>
    <cellStyle name="40% - アクセント 2 2 2" xfId="21"/>
    <cellStyle name="40% - アクセント 3 2" xfId="22"/>
    <cellStyle name="40% - アクセント 3 2 2" xfId="23"/>
    <cellStyle name="40% - アクセント 4 2" xfId="24"/>
    <cellStyle name="40% - アクセント 4 2 2" xfId="25"/>
    <cellStyle name="40% - アクセント 5 2" xfId="26"/>
    <cellStyle name="40% - アクセント 5 2 2" xfId="27"/>
    <cellStyle name="40% - アクセント 6 2" xfId="28"/>
    <cellStyle name="40% - アクセント 6 2 2" xfId="29"/>
    <cellStyle name="60% - アクセント 1 2" xfId="30"/>
    <cellStyle name="60% - アクセント 1 2 2" xfId="31"/>
    <cellStyle name="60% - アクセント 2 2" xfId="32"/>
    <cellStyle name="60% - アクセント 2 2 2" xfId="33"/>
    <cellStyle name="60% - アクセント 3 2" xfId="34"/>
    <cellStyle name="60% - アクセント 3 2 2" xfId="35"/>
    <cellStyle name="60% - アクセント 4 2" xfId="36"/>
    <cellStyle name="60% - アクセント 4 2 2" xfId="37"/>
    <cellStyle name="60% - アクセント 5 2" xfId="38"/>
    <cellStyle name="60% - アクセント 5 2 2" xfId="39"/>
    <cellStyle name="60% - アクセント 6 2" xfId="40"/>
    <cellStyle name="60% - アクセント 6 2 2" xfId="41"/>
    <cellStyle name="アクセント 1 2" xfId="42"/>
    <cellStyle name="アクセント 1 2 2" xfId="43"/>
    <cellStyle name="アクセント 2 2" xfId="44"/>
    <cellStyle name="アクセント 2 2 2" xfId="45"/>
    <cellStyle name="アクセント 3 2" xfId="46"/>
    <cellStyle name="アクセント 3 2 2" xfId="47"/>
    <cellStyle name="アクセント 4 2" xfId="48"/>
    <cellStyle name="アクセント 4 2 2" xfId="49"/>
    <cellStyle name="アクセント 5 2" xfId="50"/>
    <cellStyle name="アクセント 5 2 2" xfId="51"/>
    <cellStyle name="アクセント 6 2" xfId="52"/>
    <cellStyle name="アクセント 6 2 2" xfId="53"/>
    <cellStyle name="タイトル 2" xfId="54"/>
    <cellStyle name="タイトル 2 2" xfId="55"/>
    <cellStyle name="チェック セル 2" xfId="56"/>
    <cellStyle name="チェック セル 2 2" xfId="57"/>
    <cellStyle name="どちらでもない 2" xfId="58"/>
    <cellStyle name="どちらでもない 2 2" xfId="59"/>
    <cellStyle name="メモ 2" xfId="60"/>
    <cellStyle name="メモ 2 2" xfId="61"/>
    <cellStyle name="リンク セル 2" xfId="62"/>
    <cellStyle name="リンク セル 2 2" xfId="63"/>
    <cellStyle name="悪い 2" xfId="64"/>
    <cellStyle name="悪い 2 2" xfId="65"/>
    <cellStyle name="計算 2" xfId="66"/>
    <cellStyle name="計算 2 2" xfId="67"/>
    <cellStyle name="警告文 2" xfId="68"/>
    <cellStyle name="警告文 2 2" xfId="69"/>
    <cellStyle name="桁区切り 2" xfId="99"/>
    <cellStyle name="見出し 1 2" xfId="70"/>
    <cellStyle name="見出し 1 2 2" xfId="71"/>
    <cellStyle name="見出し 2 2" xfId="72"/>
    <cellStyle name="見出し 2 2 2" xfId="73"/>
    <cellStyle name="見出し 3 2" xfId="74"/>
    <cellStyle name="見出し 3 2 2" xfId="75"/>
    <cellStyle name="見出し 4 2" xfId="76"/>
    <cellStyle name="見出し 4 2 2" xfId="77"/>
    <cellStyle name="集計 2" xfId="78"/>
    <cellStyle name="集計 2 2" xfId="79"/>
    <cellStyle name="出力 2" xfId="80"/>
    <cellStyle name="出力 2 2" xfId="81"/>
    <cellStyle name="説明文 2" xfId="82"/>
    <cellStyle name="説明文 2 2" xfId="83"/>
    <cellStyle name="入力 2" xfId="84"/>
    <cellStyle name="入力 2 2" xfId="85"/>
    <cellStyle name="標準" xfId="0" builtinId="0"/>
    <cellStyle name="標準 2" xfId="1"/>
    <cellStyle name="標準 2 10" xfId="86"/>
    <cellStyle name="標準 2 2" xfId="4"/>
    <cellStyle name="標準 2 2 2" xfId="87"/>
    <cellStyle name="標準 2 2 2 2" xfId="88"/>
    <cellStyle name="標準 2 3" xfId="5"/>
    <cellStyle name="標準 2 4" xfId="89"/>
    <cellStyle name="標準 2 5" xfId="90"/>
    <cellStyle name="標準 2 6" xfId="91"/>
    <cellStyle name="標準 2 7" xfId="92"/>
    <cellStyle name="標準 2 8" xfId="93"/>
    <cellStyle name="標準 2 9" xfId="94"/>
    <cellStyle name="標準 3" xfId="2"/>
    <cellStyle name="標準 3 2" xfId="95"/>
    <cellStyle name="標準 3 3" xfId="96"/>
    <cellStyle name="標準 4" xfId="3"/>
    <cellStyle name="標準 4 2" xfId="100"/>
    <cellStyle name="標準 5" xfId="101"/>
    <cellStyle name="良い 2" xfId="97"/>
    <cellStyle name="良い 2 2" xfId="98"/>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16"/>
  <sheetViews>
    <sheetView tabSelected="1" view="pageBreakPreview" zoomScale="70" zoomScaleNormal="70" zoomScaleSheetLayoutView="70" workbookViewId="0">
      <selection activeCell="C15" sqref="C15"/>
    </sheetView>
  </sheetViews>
  <sheetFormatPr defaultRowHeight="15.75" customHeight="1" x14ac:dyDescent="0.15"/>
  <cols>
    <col min="1" max="1" width="19.875" style="1" customWidth="1"/>
    <col min="2" max="2" width="37.625" style="1" customWidth="1"/>
    <col min="3" max="3" width="70.625" style="2" customWidth="1"/>
    <col min="4" max="4" width="9" style="1" customWidth="1"/>
    <col min="5" max="256" width="9" style="1"/>
    <col min="257" max="257" width="20" style="1" customWidth="1"/>
    <col min="258" max="258" width="32" style="1" customWidth="1"/>
    <col min="259" max="259" width="84.75" style="1" customWidth="1"/>
    <col min="260" max="260" width="9" style="1" customWidth="1"/>
    <col min="261" max="512" width="9" style="1"/>
    <col min="513" max="513" width="20" style="1" customWidth="1"/>
    <col min="514" max="514" width="32" style="1" customWidth="1"/>
    <col min="515" max="515" width="84.75" style="1" customWidth="1"/>
    <col min="516" max="516" width="9" style="1" customWidth="1"/>
    <col min="517" max="768" width="9" style="1"/>
    <col min="769" max="769" width="20" style="1" customWidth="1"/>
    <col min="770" max="770" width="32" style="1" customWidth="1"/>
    <col min="771" max="771" width="84.75" style="1" customWidth="1"/>
    <col min="772" max="772" width="9" style="1" customWidth="1"/>
    <col min="773" max="1024" width="9" style="1"/>
    <col min="1025" max="1025" width="20" style="1" customWidth="1"/>
    <col min="1026" max="1026" width="32" style="1" customWidth="1"/>
    <col min="1027" max="1027" width="84.75" style="1" customWidth="1"/>
    <col min="1028" max="1028" width="9" style="1" customWidth="1"/>
    <col min="1029" max="1280" width="9" style="1"/>
    <col min="1281" max="1281" width="20" style="1" customWidth="1"/>
    <col min="1282" max="1282" width="32" style="1" customWidth="1"/>
    <col min="1283" max="1283" width="84.75" style="1" customWidth="1"/>
    <col min="1284" max="1284" width="9" style="1" customWidth="1"/>
    <col min="1285" max="1536" width="9" style="1"/>
    <col min="1537" max="1537" width="20" style="1" customWidth="1"/>
    <col min="1538" max="1538" width="32" style="1" customWidth="1"/>
    <col min="1539" max="1539" width="84.75" style="1" customWidth="1"/>
    <col min="1540" max="1540" width="9" style="1" customWidth="1"/>
    <col min="1541" max="1792" width="9" style="1"/>
    <col min="1793" max="1793" width="20" style="1" customWidth="1"/>
    <col min="1794" max="1794" width="32" style="1" customWidth="1"/>
    <col min="1795" max="1795" width="84.75" style="1" customWidth="1"/>
    <col min="1796" max="1796" width="9" style="1" customWidth="1"/>
    <col min="1797" max="2048" width="9" style="1"/>
    <col min="2049" max="2049" width="20" style="1" customWidth="1"/>
    <col min="2050" max="2050" width="32" style="1" customWidth="1"/>
    <col min="2051" max="2051" width="84.75" style="1" customWidth="1"/>
    <col min="2052" max="2052" width="9" style="1" customWidth="1"/>
    <col min="2053" max="2304" width="9" style="1"/>
    <col min="2305" max="2305" width="20" style="1" customWidth="1"/>
    <col min="2306" max="2306" width="32" style="1" customWidth="1"/>
    <col min="2307" max="2307" width="84.75" style="1" customWidth="1"/>
    <col min="2308" max="2308" width="9" style="1" customWidth="1"/>
    <col min="2309" max="2560" width="9" style="1"/>
    <col min="2561" max="2561" width="20" style="1" customWidth="1"/>
    <col min="2562" max="2562" width="32" style="1" customWidth="1"/>
    <col min="2563" max="2563" width="84.75" style="1" customWidth="1"/>
    <col min="2564" max="2564" width="9" style="1" customWidth="1"/>
    <col min="2565" max="2816" width="9" style="1"/>
    <col min="2817" max="2817" width="20" style="1" customWidth="1"/>
    <col min="2818" max="2818" width="32" style="1" customWidth="1"/>
    <col min="2819" max="2819" width="84.75" style="1" customWidth="1"/>
    <col min="2820" max="2820" width="9" style="1" customWidth="1"/>
    <col min="2821" max="3072" width="9" style="1"/>
    <col min="3073" max="3073" width="20" style="1" customWidth="1"/>
    <col min="3074" max="3074" width="32" style="1" customWidth="1"/>
    <col min="3075" max="3075" width="84.75" style="1" customWidth="1"/>
    <col min="3076" max="3076" width="9" style="1" customWidth="1"/>
    <col min="3077" max="3328" width="9" style="1"/>
    <col min="3329" max="3329" width="20" style="1" customWidth="1"/>
    <col min="3330" max="3330" width="32" style="1" customWidth="1"/>
    <col min="3331" max="3331" width="84.75" style="1" customWidth="1"/>
    <col min="3332" max="3332" width="9" style="1" customWidth="1"/>
    <col min="3333" max="3584" width="9" style="1"/>
    <col min="3585" max="3585" width="20" style="1" customWidth="1"/>
    <col min="3586" max="3586" width="32" style="1" customWidth="1"/>
    <col min="3587" max="3587" width="84.75" style="1" customWidth="1"/>
    <col min="3588" max="3588" width="9" style="1" customWidth="1"/>
    <col min="3589" max="3840" width="9" style="1"/>
    <col min="3841" max="3841" width="20" style="1" customWidth="1"/>
    <col min="3842" max="3842" width="32" style="1" customWidth="1"/>
    <col min="3843" max="3843" width="84.75" style="1" customWidth="1"/>
    <col min="3844" max="3844" width="9" style="1" customWidth="1"/>
    <col min="3845" max="4096" width="9" style="1"/>
    <col min="4097" max="4097" width="20" style="1" customWidth="1"/>
    <col min="4098" max="4098" width="32" style="1" customWidth="1"/>
    <col min="4099" max="4099" width="84.75" style="1" customWidth="1"/>
    <col min="4100" max="4100" width="9" style="1" customWidth="1"/>
    <col min="4101" max="4352" width="9" style="1"/>
    <col min="4353" max="4353" width="20" style="1" customWidth="1"/>
    <col min="4354" max="4354" width="32" style="1" customWidth="1"/>
    <col min="4355" max="4355" width="84.75" style="1" customWidth="1"/>
    <col min="4356" max="4356" width="9" style="1" customWidth="1"/>
    <col min="4357" max="4608" width="9" style="1"/>
    <col min="4609" max="4609" width="20" style="1" customWidth="1"/>
    <col min="4610" max="4610" width="32" style="1" customWidth="1"/>
    <col min="4611" max="4611" width="84.75" style="1" customWidth="1"/>
    <col min="4612" max="4612" width="9" style="1" customWidth="1"/>
    <col min="4613" max="4864" width="9" style="1"/>
    <col min="4865" max="4865" width="20" style="1" customWidth="1"/>
    <col min="4866" max="4866" width="32" style="1" customWidth="1"/>
    <col min="4867" max="4867" width="84.75" style="1" customWidth="1"/>
    <col min="4868" max="4868" width="9" style="1" customWidth="1"/>
    <col min="4869" max="5120" width="9" style="1"/>
    <col min="5121" max="5121" width="20" style="1" customWidth="1"/>
    <col min="5122" max="5122" width="32" style="1" customWidth="1"/>
    <col min="5123" max="5123" width="84.75" style="1" customWidth="1"/>
    <col min="5124" max="5124" width="9" style="1" customWidth="1"/>
    <col min="5125" max="5376" width="9" style="1"/>
    <col min="5377" max="5377" width="20" style="1" customWidth="1"/>
    <col min="5378" max="5378" width="32" style="1" customWidth="1"/>
    <col min="5379" max="5379" width="84.75" style="1" customWidth="1"/>
    <col min="5380" max="5380" width="9" style="1" customWidth="1"/>
    <col min="5381" max="5632" width="9" style="1"/>
    <col min="5633" max="5633" width="20" style="1" customWidth="1"/>
    <col min="5634" max="5634" width="32" style="1" customWidth="1"/>
    <col min="5635" max="5635" width="84.75" style="1" customWidth="1"/>
    <col min="5636" max="5636" width="9" style="1" customWidth="1"/>
    <col min="5637" max="5888" width="9" style="1"/>
    <col min="5889" max="5889" width="20" style="1" customWidth="1"/>
    <col min="5890" max="5890" width="32" style="1" customWidth="1"/>
    <col min="5891" max="5891" width="84.75" style="1" customWidth="1"/>
    <col min="5892" max="5892" width="9" style="1" customWidth="1"/>
    <col min="5893" max="6144" width="9" style="1"/>
    <col min="6145" max="6145" width="20" style="1" customWidth="1"/>
    <col min="6146" max="6146" width="32" style="1" customWidth="1"/>
    <col min="6147" max="6147" width="84.75" style="1" customWidth="1"/>
    <col min="6148" max="6148" width="9" style="1" customWidth="1"/>
    <col min="6149" max="6400" width="9" style="1"/>
    <col min="6401" max="6401" width="20" style="1" customWidth="1"/>
    <col min="6402" max="6402" width="32" style="1" customWidth="1"/>
    <col min="6403" max="6403" width="84.75" style="1" customWidth="1"/>
    <col min="6404" max="6404" width="9" style="1" customWidth="1"/>
    <col min="6405" max="6656" width="9" style="1"/>
    <col min="6657" max="6657" width="20" style="1" customWidth="1"/>
    <col min="6658" max="6658" width="32" style="1" customWidth="1"/>
    <col min="6659" max="6659" width="84.75" style="1" customWidth="1"/>
    <col min="6660" max="6660" width="9" style="1" customWidth="1"/>
    <col min="6661" max="6912" width="9" style="1"/>
    <col min="6913" max="6913" width="20" style="1" customWidth="1"/>
    <col min="6914" max="6914" width="32" style="1" customWidth="1"/>
    <col min="6915" max="6915" width="84.75" style="1" customWidth="1"/>
    <col min="6916" max="6916" width="9" style="1" customWidth="1"/>
    <col min="6917" max="7168" width="9" style="1"/>
    <col min="7169" max="7169" width="20" style="1" customWidth="1"/>
    <col min="7170" max="7170" width="32" style="1" customWidth="1"/>
    <col min="7171" max="7171" width="84.75" style="1" customWidth="1"/>
    <col min="7172" max="7172" width="9" style="1" customWidth="1"/>
    <col min="7173" max="7424" width="9" style="1"/>
    <col min="7425" max="7425" width="20" style="1" customWidth="1"/>
    <col min="7426" max="7426" width="32" style="1" customWidth="1"/>
    <col min="7427" max="7427" width="84.75" style="1" customWidth="1"/>
    <col min="7428" max="7428" width="9" style="1" customWidth="1"/>
    <col min="7429" max="7680" width="9" style="1"/>
    <col min="7681" max="7681" width="20" style="1" customWidth="1"/>
    <col min="7682" max="7682" width="32" style="1" customWidth="1"/>
    <col min="7683" max="7683" width="84.75" style="1" customWidth="1"/>
    <col min="7684" max="7684" width="9" style="1" customWidth="1"/>
    <col min="7685" max="7936" width="9" style="1"/>
    <col min="7937" max="7937" width="20" style="1" customWidth="1"/>
    <col min="7938" max="7938" width="32" style="1" customWidth="1"/>
    <col min="7939" max="7939" width="84.75" style="1" customWidth="1"/>
    <col min="7940" max="7940" width="9" style="1" customWidth="1"/>
    <col min="7941" max="8192" width="9" style="1"/>
    <col min="8193" max="8193" width="20" style="1" customWidth="1"/>
    <col min="8194" max="8194" width="32" style="1" customWidth="1"/>
    <col min="8195" max="8195" width="84.75" style="1" customWidth="1"/>
    <col min="8196" max="8196" width="9" style="1" customWidth="1"/>
    <col min="8197" max="8448" width="9" style="1"/>
    <col min="8449" max="8449" width="20" style="1" customWidth="1"/>
    <col min="8450" max="8450" width="32" style="1" customWidth="1"/>
    <col min="8451" max="8451" width="84.75" style="1" customWidth="1"/>
    <col min="8452" max="8452" width="9" style="1" customWidth="1"/>
    <col min="8453" max="8704" width="9" style="1"/>
    <col min="8705" max="8705" width="20" style="1" customWidth="1"/>
    <col min="8706" max="8706" width="32" style="1" customWidth="1"/>
    <col min="8707" max="8707" width="84.75" style="1" customWidth="1"/>
    <col min="8708" max="8708" width="9" style="1" customWidth="1"/>
    <col min="8709" max="8960" width="9" style="1"/>
    <col min="8961" max="8961" width="20" style="1" customWidth="1"/>
    <col min="8962" max="8962" width="32" style="1" customWidth="1"/>
    <col min="8963" max="8963" width="84.75" style="1" customWidth="1"/>
    <col min="8964" max="8964" width="9" style="1" customWidth="1"/>
    <col min="8965" max="9216" width="9" style="1"/>
    <col min="9217" max="9217" width="20" style="1" customWidth="1"/>
    <col min="9218" max="9218" width="32" style="1" customWidth="1"/>
    <col min="9219" max="9219" width="84.75" style="1" customWidth="1"/>
    <col min="9220" max="9220" width="9" style="1" customWidth="1"/>
    <col min="9221" max="9472" width="9" style="1"/>
    <col min="9473" max="9473" width="20" style="1" customWidth="1"/>
    <col min="9474" max="9474" width="32" style="1" customWidth="1"/>
    <col min="9475" max="9475" width="84.75" style="1" customWidth="1"/>
    <col min="9476" max="9476" width="9" style="1" customWidth="1"/>
    <col min="9477" max="9728" width="9" style="1"/>
    <col min="9729" max="9729" width="20" style="1" customWidth="1"/>
    <col min="9730" max="9730" width="32" style="1" customWidth="1"/>
    <col min="9731" max="9731" width="84.75" style="1" customWidth="1"/>
    <col min="9732" max="9732" width="9" style="1" customWidth="1"/>
    <col min="9733" max="9984" width="9" style="1"/>
    <col min="9985" max="9985" width="20" style="1" customWidth="1"/>
    <col min="9986" max="9986" width="32" style="1" customWidth="1"/>
    <col min="9987" max="9987" width="84.75" style="1" customWidth="1"/>
    <col min="9988" max="9988" width="9" style="1" customWidth="1"/>
    <col min="9989" max="10240" width="9" style="1"/>
    <col min="10241" max="10241" width="20" style="1" customWidth="1"/>
    <col min="10242" max="10242" width="32" style="1" customWidth="1"/>
    <col min="10243" max="10243" width="84.75" style="1" customWidth="1"/>
    <col min="10244" max="10244" width="9" style="1" customWidth="1"/>
    <col min="10245" max="10496" width="9" style="1"/>
    <col min="10497" max="10497" width="20" style="1" customWidth="1"/>
    <col min="10498" max="10498" width="32" style="1" customWidth="1"/>
    <col min="10499" max="10499" width="84.75" style="1" customWidth="1"/>
    <col min="10500" max="10500" width="9" style="1" customWidth="1"/>
    <col min="10501" max="10752" width="9" style="1"/>
    <col min="10753" max="10753" width="20" style="1" customWidth="1"/>
    <col min="10754" max="10754" width="32" style="1" customWidth="1"/>
    <col min="10755" max="10755" width="84.75" style="1" customWidth="1"/>
    <col min="10756" max="10756" width="9" style="1" customWidth="1"/>
    <col min="10757" max="11008" width="9" style="1"/>
    <col min="11009" max="11009" width="20" style="1" customWidth="1"/>
    <col min="11010" max="11010" width="32" style="1" customWidth="1"/>
    <col min="11011" max="11011" width="84.75" style="1" customWidth="1"/>
    <col min="11012" max="11012" width="9" style="1" customWidth="1"/>
    <col min="11013" max="11264" width="9" style="1"/>
    <col min="11265" max="11265" width="20" style="1" customWidth="1"/>
    <col min="11266" max="11266" width="32" style="1" customWidth="1"/>
    <col min="11267" max="11267" width="84.75" style="1" customWidth="1"/>
    <col min="11268" max="11268" width="9" style="1" customWidth="1"/>
    <col min="11269" max="11520" width="9" style="1"/>
    <col min="11521" max="11521" width="20" style="1" customWidth="1"/>
    <col min="11522" max="11522" width="32" style="1" customWidth="1"/>
    <col min="11523" max="11523" width="84.75" style="1" customWidth="1"/>
    <col min="11524" max="11524" width="9" style="1" customWidth="1"/>
    <col min="11525" max="11776" width="9" style="1"/>
    <col min="11777" max="11777" width="20" style="1" customWidth="1"/>
    <col min="11778" max="11778" width="32" style="1" customWidth="1"/>
    <col min="11779" max="11779" width="84.75" style="1" customWidth="1"/>
    <col min="11780" max="11780" width="9" style="1" customWidth="1"/>
    <col min="11781" max="12032" width="9" style="1"/>
    <col min="12033" max="12033" width="20" style="1" customWidth="1"/>
    <col min="12034" max="12034" width="32" style="1" customWidth="1"/>
    <col min="12035" max="12035" width="84.75" style="1" customWidth="1"/>
    <col min="12036" max="12036" width="9" style="1" customWidth="1"/>
    <col min="12037" max="12288" width="9" style="1"/>
    <col min="12289" max="12289" width="20" style="1" customWidth="1"/>
    <col min="12290" max="12290" width="32" style="1" customWidth="1"/>
    <col min="12291" max="12291" width="84.75" style="1" customWidth="1"/>
    <col min="12292" max="12292" width="9" style="1" customWidth="1"/>
    <col min="12293" max="12544" width="9" style="1"/>
    <col min="12545" max="12545" width="20" style="1" customWidth="1"/>
    <col min="12546" max="12546" width="32" style="1" customWidth="1"/>
    <col min="12547" max="12547" width="84.75" style="1" customWidth="1"/>
    <col min="12548" max="12548" width="9" style="1" customWidth="1"/>
    <col min="12549" max="12800" width="9" style="1"/>
    <col min="12801" max="12801" width="20" style="1" customWidth="1"/>
    <col min="12802" max="12802" width="32" style="1" customWidth="1"/>
    <col min="12803" max="12803" width="84.75" style="1" customWidth="1"/>
    <col min="12804" max="12804" width="9" style="1" customWidth="1"/>
    <col min="12805" max="13056" width="9" style="1"/>
    <col min="13057" max="13057" width="20" style="1" customWidth="1"/>
    <col min="13058" max="13058" width="32" style="1" customWidth="1"/>
    <col min="13059" max="13059" width="84.75" style="1" customWidth="1"/>
    <col min="13060" max="13060" width="9" style="1" customWidth="1"/>
    <col min="13061" max="13312" width="9" style="1"/>
    <col min="13313" max="13313" width="20" style="1" customWidth="1"/>
    <col min="13314" max="13314" width="32" style="1" customWidth="1"/>
    <col min="13315" max="13315" width="84.75" style="1" customWidth="1"/>
    <col min="13316" max="13316" width="9" style="1" customWidth="1"/>
    <col min="13317" max="13568" width="9" style="1"/>
    <col min="13569" max="13569" width="20" style="1" customWidth="1"/>
    <col min="13570" max="13570" width="32" style="1" customWidth="1"/>
    <col min="13571" max="13571" width="84.75" style="1" customWidth="1"/>
    <col min="13572" max="13572" width="9" style="1" customWidth="1"/>
    <col min="13573" max="13824" width="9" style="1"/>
    <col min="13825" max="13825" width="20" style="1" customWidth="1"/>
    <col min="13826" max="13826" width="32" style="1" customWidth="1"/>
    <col min="13827" max="13827" width="84.75" style="1" customWidth="1"/>
    <col min="13828" max="13828" width="9" style="1" customWidth="1"/>
    <col min="13829" max="14080" width="9" style="1"/>
    <col min="14081" max="14081" width="20" style="1" customWidth="1"/>
    <col min="14082" max="14082" width="32" style="1" customWidth="1"/>
    <col min="14083" max="14083" width="84.75" style="1" customWidth="1"/>
    <col min="14084" max="14084" width="9" style="1" customWidth="1"/>
    <col min="14085" max="14336" width="9" style="1"/>
    <col min="14337" max="14337" width="20" style="1" customWidth="1"/>
    <col min="14338" max="14338" width="32" style="1" customWidth="1"/>
    <col min="14339" max="14339" width="84.75" style="1" customWidth="1"/>
    <col min="14340" max="14340" width="9" style="1" customWidth="1"/>
    <col min="14341" max="14592" width="9" style="1"/>
    <col min="14593" max="14593" width="20" style="1" customWidth="1"/>
    <col min="14594" max="14594" width="32" style="1" customWidth="1"/>
    <col min="14595" max="14595" width="84.75" style="1" customWidth="1"/>
    <col min="14596" max="14596" width="9" style="1" customWidth="1"/>
    <col min="14597" max="14848" width="9" style="1"/>
    <col min="14849" max="14849" width="20" style="1" customWidth="1"/>
    <col min="14850" max="14850" width="32" style="1" customWidth="1"/>
    <col min="14851" max="14851" width="84.75" style="1" customWidth="1"/>
    <col min="14852" max="14852" width="9" style="1" customWidth="1"/>
    <col min="14853" max="15104" width="9" style="1"/>
    <col min="15105" max="15105" width="20" style="1" customWidth="1"/>
    <col min="15106" max="15106" width="32" style="1" customWidth="1"/>
    <col min="15107" max="15107" width="84.75" style="1" customWidth="1"/>
    <col min="15108" max="15108" width="9" style="1" customWidth="1"/>
    <col min="15109" max="15360" width="9" style="1"/>
    <col min="15361" max="15361" width="20" style="1" customWidth="1"/>
    <col min="15362" max="15362" width="32" style="1" customWidth="1"/>
    <col min="15363" max="15363" width="84.75" style="1" customWidth="1"/>
    <col min="15364" max="15364" width="9" style="1" customWidth="1"/>
    <col min="15365" max="15616" width="9" style="1"/>
    <col min="15617" max="15617" width="20" style="1" customWidth="1"/>
    <col min="15618" max="15618" width="32" style="1" customWidth="1"/>
    <col min="15619" max="15619" width="84.75" style="1" customWidth="1"/>
    <col min="15620" max="15620" width="9" style="1" customWidth="1"/>
    <col min="15621" max="15872" width="9" style="1"/>
    <col min="15873" max="15873" width="20" style="1" customWidth="1"/>
    <col min="15874" max="15874" width="32" style="1" customWidth="1"/>
    <col min="15875" max="15875" width="84.75" style="1" customWidth="1"/>
    <col min="15876" max="15876" width="9" style="1" customWidth="1"/>
    <col min="15877" max="16128" width="9" style="1"/>
    <col min="16129" max="16129" width="20" style="1" customWidth="1"/>
    <col min="16130" max="16130" width="32" style="1" customWidth="1"/>
    <col min="16131" max="16131" width="84.75" style="1" customWidth="1"/>
    <col min="16132" max="16132" width="9" style="1" customWidth="1"/>
    <col min="16133" max="16384" width="9" style="1"/>
  </cols>
  <sheetData>
    <row r="1" spans="1:4" ht="54" customHeight="1" x14ac:dyDescent="0.15">
      <c r="A1" s="10" t="s">
        <v>14</v>
      </c>
      <c r="B1" s="10"/>
      <c r="C1" s="10"/>
    </row>
    <row r="2" spans="1:4" ht="34.5" customHeight="1" x14ac:dyDescent="0.15">
      <c r="A2" s="4" t="s">
        <v>19</v>
      </c>
      <c r="B2" s="4"/>
      <c r="C2" s="5"/>
    </row>
    <row r="3" spans="1:4" ht="24.95" customHeight="1" x14ac:dyDescent="0.15">
      <c r="A3" s="6" t="s">
        <v>0</v>
      </c>
      <c r="B3" s="6" t="s">
        <v>1</v>
      </c>
      <c r="C3" s="6" t="s">
        <v>2</v>
      </c>
    </row>
    <row r="4" spans="1:4" ht="63" customHeight="1" x14ac:dyDescent="0.15">
      <c r="A4" s="11" t="s">
        <v>15</v>
      </c>
      <c r="B4" s="9" t="s">
        <v>4</v>
      </c>
      <c r="C4" s="7" t="s">
        <v>3</v>
      </c>
      <c r="D4" s="3"/>
    </row>
    <row r="5" spans="1:4" ht="63" customHeight="1" x14ac:dyDescent="0.15">
      <c r="A5" s="11"/>
      <c r="B5" s="9" t="s">
        <v>5</v>
      </c>
      <c r="C5" s="7" t="s">
        <v>3</v>
      </c>
      <c r="D5" s="3"/>
    </row>
    <row r="6" spans="1:4" ht="63" customHeight="1" x14ac:dyDescent="0.15">
      <c r="A6" s="11"/>
      <c r="B6" s="9" t="s">
        <v>6</v>
      </c>
      <c r="C6" s="7" t="s">
        <v>3</v>
      </c>
      <c r="D6" s="3"/>
    </row>
    <row r="7" spans="1:4" ht="63" customHeight="1" x14ac:dyDescent="0.15">
      <c r="A7" s="11"/>
      <c r="B7" s="9" t="s">
        <v>7</v>
      </c>
      <c r="C7" s="8" t="s">
        <v>16</v>
      </c>
      <c r="D7" s="3"/>
    </row>
    <row r="8" spans="1:4" ht="63" customHeight="1" x14ac:dyDescent="0.15">
      <c r="A8" s="11"/>
      <c r="B8" s="9" t="s">
        <v>20</v>
      </c>
      <c r="C8" s="8" t="s">
        <v>17</v>
      </c>
      <c r="D8" s="3"/>
    </row>
    <row r="9" spans="1:4" ht="63" customHeight="1" x14ac:dyDescent="0.15">
      <c r="A9" s="11"/>
      <c r="B9" s="9" t="s">
        <v>8</v>
      </c>
      <c r="C9" s="8" t="s">
        <v>18</v>
      </c>
      <c r="D9" s="3"/>
    </row>
    <row r="10" spans="1:4" ht="63" customHeight="1" x14ac:dyDescent="0.15">
      <c r="A10" s="11"/>
      <c r="B10" s="9" t="s">
        <v>9</v>
      </c>
      <c r="C10" s="7" t="s">
        <v>3</v>
      </c>
      <c r="D10" s="3"/>
    </row>
    <row r="11" spans="1:4" ht="63" customHeight="1" x14ac:dyDescent="0.15">
      <c r="A11" s="11"/>
      <c r="B11" s="9" t="s">
        <v>10</v>
      </c>
      <c r="C11" s="8" t="s">
        <v>3</v>
      </c>
      <c r="D11" s="3"/>
    </row>
    <row r="12" spans="1:4" ht="63" customHeight="1" x14ac:dyDescent="0.15">
      <c r="A12" s="11"/>
      <c r="B12" s="9" t="s">
        <v>21</v>
      </c>
      <c r="C12" s="12" t="s">
        <v>25</v>
      </c>
      <c r="D12" s="3"/>
    </row>
    <row r="13" spans="1:4" ht="63" customHeight="1" x14ac:dyDescent="0.15">
      <c r="A13" s="11"/>
      <c r="B13" s="9" t="s">
        <v>11</v>
      </c>
      <c r="C13" s="15"/>
      <c r="D13" s="3"/>
    </row>
    <row r="14" spans="1:4" ht="63" customHeight="1" x14ac:dyDescent="0.15">
      <c r="A14" s="11"/>
      <c r="B14" s="9" t="s">
        <v>22</v>
      </c>
      <c r="C14" s="16"/>
      <c r="D14" s="3"/>
    </row>
    <row r="15" spans="1:4" ht="63" customHeight="1" x14ac:dyDescent="0.15">
      <c r="A15" s="11"/>
      <c r="B15" s="9" t="s">
        <v>12</v>
      </c>
      <c r="C15" s="8" t="s">
        <v>13</v>
      </c>
      <c r="D15" s="3"/>
    </row>
    <row r="16" spans="1:4" ht="63" customHeight="1" x14ac:dyDescent="0.15">
      <c r="A16" s="11"/>
      <c r="B16" s="13" t="s">
        <v>23</v>
      </c>
      <c r="C16" s="14" t="s">
        <v>24</v>
      </c>
    </row>
  </sheetData>
  <mergeCells count="3">
    <mergeCell ref="A1:C1"/>
    <mergeCell ref="A4:A16"/>
    <mergeCell ref="C12:C14"/>
  </mergeCells>
  <phoneticPr fontId="1"/>
  <pageMargins left="0.51181102362204722" right="0.35" top="0.35433070866141736" bottom="0.35433070866141736" header="0.31496062992125984" footer="0.31496062992125984"/>
  <pageSetup paperSize="9" scale="70"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添付書類一覧</vt:lpstr>
      <vt:lpstr>添付書類一覧!Print_Area</vt:lpstr>
    </vt:vector>
  </TitlesOfParts>
  <Company>TAIMS</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永田　匡毅</dc:creator>
  <cp:lastModifiedBy>Administrator</cp:lastModifiedBy>
  <cp:lastPrinted>2021-03-18T09:36:46Z</cp:lastPrinted>
  <dcterms:created xsi:type="dcterms:W3CDTF">2015-03-09T01:12:09Z</dcterms:created>
  <dcterms:modified xsi:type="dcterms:W3CDTF">2021-03-18T09:38:14Z</dcterms:modified>
</cp:coreProperties>
</file>